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oss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schermopname, logo, Lettertype&#10;&#10;Automatisch gegenereerde beschrijving">
            <a:extLst>
              <a:ext uri="{FF2B5EF4-FFF2-40B4-BE49-F238E27FC236}">
                <a16:creationId xmlns:a16="http://schemas.microsoft.com/office/drawing/2014/main" id="{B8F143C5-E1C1-5649-1EF9-AA9759E63BC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502" y="4680394"/>
            <a:ext cx="2947124" cy="192152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schermopname, logo, Lettertype&#10;&#10;Automatisch gegenereerde beschrijving">
            <a:extLst>
              <a:ext uri="{FF2B5EF4-FFF2-40B4-BE49-F238E27FC236}">
                <a16:creationId xmlns:a16="http://schemas.microsoft.com/office/drawing/2014/main" id="{72E3DE71-C868-6646-BC80-31F81739141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2605" y="3911249"/>
            <a:ext cx="2102654" cy="137093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4T09:54:17Z</dcterms:modified>
</cp:coreProperties>
</file>